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2535"/>
      </w:tblGrid>
      <w:tr w:rsidR="00CE0DED" w14:paraId="418525DB" w14:textId="77777777" w:rsidTr="00ED68B8">
        <w:trPr>
          <w:trHeight w:hRule="exact" w:val="834"/>
        </w:trPr>
        <w:tc>
          <w:tcPr>
            <w:tcW w:w="2535" w:type="dxa"/>
          </w:tcPr>
          <w:p w14:paraId="75CFD757" w14:textId="2A728BF9" w:rsidR="00F6455B" w:rsidRDefault="00F6455B" w:rsidP="002B5C83"/>
        </w:tc>
      </w:tr>
    </w:tbl>
    <w:p w14:paraId="102BABCA" w14:textId="77777777" w:rsidR="00800632" w:rsidRDefault="002B5C83" w:rsidP="00673C79">
      <w:pPr>
        <w:jc w:val="center"/>
        <w:rPr>
          <w:b/>
          <w:bCs/>
          <w:lang w:val="en-US"/>
        </w:rPr>
      </w:pPr>
      <w:r>
        <w:br w:type="textWrapping" w:clear="all"/>
      </w:r>
    </w:p>
    <w:p w14:paraId="5FF11B48" w14:textId="77777777" w:rsidR="00800632" w:rsidRDefault="00800632" w:rsidP="00673C79">
      <w:pPr>
        <w:jc w:val="center"/>
        <w:rPr>
          <w:b/>
          <w:bCs/>
          <w:lang w:val="en-US"/>
        </w:rPr>
      </w:pPr>
    </w:p>
    <w:p w14:paraId="473374C6" w14:textId="766A1D40" w:rsidR="00ED68B8" w:rsidRPr="00673C79" w:rsidRDefault="00ED68B8" w:rsidP="00673C79">
      <w:pPr>
        <w:jc w:val="center"/>
        <w:rPr>
          <w:b/>
          <w:bCs/>
          <w:lang w:val="en-US"/>
        </w:rPr>
      </w:pPr>
      <w:r w:rsidRPr="00673C79">
        <w:rPr>
          <w:b/>
          <w:bCs/>
          <w:lang w:val="en-US"/>
        </w:rPr>
        <w:t>BULETIN DE VOT</w:t>
      </w:r>
    </w:p>
    <w:p w14:paraId="1C13B53C" w14:textId="3FCF0858" w:rsidR="00ED68B8" w:rsidRPr="00A76CEC" w:rsidRDefault="00ED68B8" w:rsidP="00A76CEC">
      <w:pPr>
        <w:jc w:val="center"/>
        <w:rPr>
          <w:b/>
          <w:bCs/>
          <w:lang w:val="en-US"/>
        </w:rPr>
      </w:pPr>
      <w:r w:rsidRPr="00A76CEC">
        <w:rPr>
          <w:b/>
          <w:bCs/>
          <w:lang w:val="en-US"/>
        </w:rPr>
        <w:t xml:space="preserve">ADUNAREA GENERALA </w:t>
      </w:r>
      <w:r w:rsidR="001D1CF6" w:rsidRPr="00A76CEC">
        <w:rPr>
          <w:b/>
          <w:bCs/>
          <w:lang w:val="en-US"/>
        </w:rPr>
        <w:t>EXTRA</w:t>
      </w:r>
      <w:r w:rsidRPr="00A76CEC">
        <w:rPr>
          <w:b/>
          <w:bCs/>
          <w:lang w:val="en-US"/>
        </w:rPr>
        <w:t xml:space="preserve">ORDINARA </w:t>
      </w:r>
      <w:proofErr w:type="gramStart"/>
      <w:r w:rsidRPr="00A76CEC">
        <w:rPr>
          <w:b/>
          <w:bCs/>
          <w:lang w:val="en-US"/>
        </w:rPr>
        <w:t>A</w:t>
      </w:r>
      <w:proofErr w:type="gramEnd"/>
      <w:r w:rsidRPr="00A76CEC">
        <w:rPr>
          <w:b/>
          <w:bCs/>
          <w:lang w:val="en-US"/>
        </w:rPr>
        <w:t xml:space="preserve"> ACTIONARILOR</w:t>
      </w:r>
    </w:p>
    <w:p w14:paraId="3B1C8874" w14:textId="77777777" w:rsidR="00ED68B8" w:rsidRPr="00A76CEC" w:rsidRDefault="00ED68B8" w:rsidP="00A76CEC">
      <w:pPr>
        <w:jc w:val="center"/>
        <w:rPr>
          <w:b/>
          <w:bCs/>
          <w:lang w:val="en-US"/>
        </w:rPr>
      </w:pPr>
      <w:r w:rsidRPr="00A76CEC">
        <w:rPr>
          <w:b/>
          <w:bCs/>
          <w:lang w:val="en-US"/>
        </w:rPr>
        <w:t>BCR Leasing IFN SA</w:t>
      </w:r>
    </w:p>
    <w:p w14:paraId="50AB92D2" w14:textId="181C4E8C" w:rsidR="00ED68B8" w:rsidRPr="00A76CEC" w:rsidRDefault="00ED68B8" w:rsidP="00A76CEC">
      <w:pPr>
        <w:jc w:val="center"/>
        <w:rPr>
          <w:b/>
          <w:bCs/>
          <w:vertAlign w:val="superscript"/>
          <w:lang w:val="en-US"/>
        </w:rPr>
      </w:pPr>
      <w:r w:rsidRPr="00A76CEC">
        <w:rPr>
          <w:b/>
          <w:bCs/>
          <w:lang w:val="en-US"/>
        </w:rPr>
        <w:t xml:space="preserve">din data de </w:t>
      </w:r>
      <w:r w:rsidR="00800632">
        <w:rPr>
          <w:b/>
          <w:bCs/>
          <w:lang w:val="en-US"/>
        </w:rPr>
        <w:t>24</w:t>
      </w:r>
      <w:r w:rsidRPr="00A76CEC">
        <w:rPr>
          <w:b/>
          <w:bCs/>
          <w:lang w:val="en-US"/>
        </w:rPr>
        <w:t>.</w:t>
      </w:r>
      <w:r w:rsidR="00800632">
        <w:rPr>
          <w:b/>
          <w:bCs/>
          <w:lang w:val="en-US"/>
        </w:rPr>
        <w:t>11</w:t>
      </w:r>
      <w:r w:rsidRPr="00A76CEC">
        <w:rPr>
          <w:b/>
          <w:bCs/>
          <w:lang w:val="en-US"/>
        </w:rPr>
        <w:t>.202</w:t>
      </w:r>
      <w:r w:rsidR="00356AEB" w:rsidRPr="00A76CEC">
        <w:rPr>
          <w:b/>
          <w:bCs/>
          <w:lang w:val="en-US"/>
        </w:rPr>
        <w:t>5</w:t>
      </w:r>
      <w:r w:rsidRPr="00A76CEC">
        <w:rPr>
          <w:b/>
          <w:bCs/>
          <w:lang w:val="en-US"/>
        </w:rPr>
        <w:t xml:space="preserve">, </w:t>
      </w:r>
      <w:proofErr w:type="spellStart"/>
      <w:r w:rsidRPr="00A76CEC">
        <w:rPr>
          <w:b/>
          <w:bCs/>
          <w:lang w:val="en-US"/>
        </w:rPr>
        <w:t>ora</w:t>
      </w:r>
      <w:proofErr w:type="spellEnd"/>
      <w:r w:rsidRPr="00A76CEC">
        <w:rPr>
          <w:b/>
          <w:bCs/>
          <w:lang w:val="en-US"/>
        </w:rPr>
        <w:t xml:space="preserve"> 10</w:t>
      </w:r>
      <w:r w:rsidR="001D1CF6" w:rsidRPr="00A76CEC">
        <w:rPr>
          <w:b/>
          <w:bCs/>
          <w:vertAlign w:val="superscript"/>
          <w:lang w:val="en-US"/>
        </w:rPr>
        <w:t>00</w:t>
      </w:r>
    </w:p>
    <w:p w14:paraId="7EF0E2FC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7A40C911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ona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: _______________________________ </w:t>
      </w:r>
    </w:p>
    <w:p w14:paraId="226E8431" w14:textId="71ED5C82" w:rsidR="00ED68B8" w:rsidRPr="00ED68B8" w:rsidRDefault="003746DE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UI/</w:t>
      </w:r>
      <w:proofErr w:type="gramStart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NP:_</w:t>
      </w:r>
      <w:proofErr w:type="gramEnd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_________________________ </w:t>
      </w:r>
    </w:p>
    <w:p w14:paraId="04D21EC0" w14:textId="3459660C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a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uni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etinut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data de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ferinta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0</w:t>
      </w:r>
      <w:r w:rsidR="00800632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3</w:t>
      </w:r>
      <w:r w:rsidR="001D1CF6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</w:t>
      </w:r>
      <w:r w:rsidR="00800632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11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202</w:t>
      </w:r>
      <w:r w:rsidR="00356AEB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5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: ______________</w:t>
      </w:r>
    </w:p>
    <w:p w14:paraId="6CAC20B2" w14:textId="599EAFD9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Transmit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votul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meu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ferito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ocumentel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/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opuneril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entru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probarea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G</w:t>
      </w:r>
      <w:r w:rsidR="001D1CF6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E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A,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stfel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: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25"/>
        <w:gridCol w:w="5464"/>
        <w:gridCol w:w="1078"/>
        <w:gridCol w:w="1108"/>
        <w:gridCol w:w="1075"/>
      </w:tblGrid>
      <w:tr w:rsidR="00ED68B8" w:rsidRPr="00ED68B8" w14:paraId="65423BE3" w14:textId="77777777" w:rsidTr="000C72F9">
        <w:tc>
          <w:tcPr>
            <w:tcW w:w="625" w:type="dxa"/>
          </w:tcPr>
          <w:p w14:paraId="226F4527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bookmarkStart w:id="0" w:name="_Hlk130385476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 xml:space="preserve">Nr. </w:t>
            </w: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Crt</w:t>
            </w:r>
            <w:proofErr w:type="spellEnd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464" w:type="dxa"/>
          </w:tcPr>
          <w:p w14:paraId="21BC9FA5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C45327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78" w:type="dxa"/>
          </w:tcPr>
          <w:p w14:paraId="65ACE70D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528BAEF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</w:p>
        </w:tc>
        <w:tc>
          <w:tcPr>
            <w:tcW w:w="1108" w:type="dxa"/>
          </w:tcPr>
          <w:p w14:paraId="76983B29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9229A04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  <w:proofErr w:type="spellEnd"/>
          </w:p>
        </w:tc>
        <w:tc>
          <w:tcPr>
            <w:tcW w:w="1075" w:type="dxa"/>
          </w:tcPr>
          <w:p w14:paraId="4F7B6AB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CB8B69B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  <w:proofErr w:type="spellEnd"/>
          </w:p>
        </w:tc>
      </w:tr>
      <w:tr w:rsidR="00ED68B8" w:rsidRPr="00ED68B8" w14:paraId="2E50620A" w14:textId="77777777" w:rsidTr="000C72F9">
        <w:tc>
          <w:tcPr>
            <w:tcW w:w="625" w:type="dxa"/>
          </w:tcPr>
          <w:p w14:paraId="39005CAA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.</w:t>
            </w:r>
          </w:p>
        </w:tc>
        <w:tc>
          <w:tcPr>
            <w:tcW w:w="5464" w:type="dxa"/>
          </w:tcPr>
          <w:p w14:paraId="24225247" w14:textId="77777777" w:rsidR="001D1CF6" w:rsidRDefault="00800632" w:rsidP="001D1CF6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oiect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(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s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m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s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pus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gistr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mert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)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n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bsorbti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nt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or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lec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.R.L., o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spunde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imitat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stituit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ar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nctioneaz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formita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egislati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in Romania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vand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di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seau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hideel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nr. 15D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ladi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gram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he</w:t>
            </w:r>
            <w:proofErr w:type="gram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ridge 1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taj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6, camera E6.07, Sector 6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curest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Romania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t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fici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gistr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mert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p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ang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ribunal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curest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ub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ăr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J2009007090405, EUID: ROONRC. J2009007090405, cod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nic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(CUI) 25692675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vand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un capital social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bscris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tegral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rsa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24.406.920 RON,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bsorbant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Fleet Management S.R.L, o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spunde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imitat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stituit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ar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nctioneaz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formita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egislati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in Romania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vand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di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seau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hideel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nr. 15D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ladi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gram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he</w:t>
            </w:r>
            <w:proofErr w:type="gram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ridge 1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taj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3, camera E3.L01, Sector 6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curest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Romania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tă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fici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gistr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mert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p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ang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ribunal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curest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ub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ar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J2009009851402, EUID: ROONRC. J2009009851402, cod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nic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(CUI) 26057566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vand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un capital social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bscris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tegral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rsa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900.000 RON,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bsorbit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formita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oiect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in data de 03.09.2025.</w:t>
            </w:r>
          </w:p>
          <w:p w14:paraId="5067E562" w14:textId="77777777" w:rsidR="00800632" w:rsidRPr="00800632" w:rsidRDefault="00800632" w:rsidP="00800632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rm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or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lec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.R.L.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mi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t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 908.517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arț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al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cu o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loa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ominal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10 RO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eca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i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lat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era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6 RON, cu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itlu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lt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.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stfe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ou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tructur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pital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al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or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lec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.R.L.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fi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up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um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rmeaz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:</w:t>
            </w:r>
          </w:p>
          <w:p w14:paraId="3CD7BB7D" w14:textId="755DE754" w:rsidR="00800632" w:rsidRPr="00800632" w:rsidRDefault="00800632" w:rsidP="00800632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•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Banc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mercial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Romana S.A.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tin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u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a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2.440.691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arț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al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cu o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loa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ominal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otal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24.406.910 RON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prezentand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72,87% d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pital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articip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profit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proofErr w:type="gram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ierder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  <w:proofErr w:type="gramEnd"/>
          </w:p>
          <w:p w14:paraId="3B4090EA" w14:textId="3678B162" w:rsidR="00800632" w:rsidRPr="00800632" w:rsidRDefault="00800632" w:rsidP="00800632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•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BCR Leasing IFN S.A.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țin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u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a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908.518 parti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al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cu o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loa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ominal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otal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9.085.180 RON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prezentand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7,13% d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pital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articip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profit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ș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ierder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,</w:t>
            </w:r>
          </w:p>
          <w:p w14:paraId="5DEFC07F" w14:textId="355B8AA6" w:rsidR="00800632" w:rsidRPr="00ED68B8" w:rsidRDefault="00800632" w:rsidP="00800632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BCR Fleet Management S.R.L.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fi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zolvat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radiata d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gistr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mert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1078" w:type="dxa"/>
          </w:tcPr>
          <w:p w14:paraId="51B8A0B4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32F9E7B1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383A4406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1D1CF6" w:rsidRPr="00ED68B8" w14:paraId="44F9DC08" w14:textId="77777777" w:rsidTr="000C72F9">
        <w:tc>
          <w:tcPr>
            <w:tcW w:w="625" w:type="dxa"/>
          </w:tcPr>
          <w:p w14:paraId="41880C2A" w14:textId="75B4ED3F" w:rsidR="001D1CF6" w:rsidRDefault="001D1CF6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2.</w:t>
            </w:r>
          </w:p>
        </w:tc>
        <w:tc>
          <w:tcPr>
            <w:tcW w:w="5464" w:type="dxa"/>
          </w:tcPr>
          <w:p w14:paraId="1B478B71" w14:textId="4B707B64" w:rsidR="001D1CF6" w:rsidRPr="00ED68B8" w:rsidRDefault="00800632" w:rsidP="00ED68B8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orda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r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/mandate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prezenta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conform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ormel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terne,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articipa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,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socia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l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un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general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sociatil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or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lec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.R.L.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sociat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nic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 BCR Fleet Management S.R.L., car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lement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xecut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oiect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scris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unctul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1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us,  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icar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ocumen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ecesa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ns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ic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l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lemen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peratiun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ex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lementa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(e.g.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fectel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clusiv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jor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pital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ocial al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or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lec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.R.L.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odific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biect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cunda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ivita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ualiz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stitutiv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zolv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die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Fleet Management SRL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scarc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gestiun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ministrato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ord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r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t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ganel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duce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l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car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oneaz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ocumentel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levan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prezent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aliza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uziun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orda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r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t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vocat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xtern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eprezenta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fat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toritatil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deplini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utur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rmalitatil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legal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).</w:t>
            </w:r>
          </w:p>
        </w:tc>
        <w:tc>
          <w:tcPr>
            <w:tcW w:w="1078" w:type="dxa"/>
          </w:tcPr>
          <w:p w14:paraId="22BD1BE9" w14:textId="77777777" w:rsidR="001D1CF6" w:rsidRPr="00ED68B8" w:rsidRDefault="001D1CF6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4BE4736A" w14:textId="77777777" w:rsidR="001D1CF6" w:rsidRPr="00ED68B8" w:rsidRDefault="001D1CF6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162C8513" w14:textId="77777777" w:rsidR="001D1CF6" w:rsidRPr="00ED68B8" w:rsidRDefault="001D1CF6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ED68B8" w:rsidRPr="00ED68B8" w14:paraId="05144F17" w14:textId="77777777" w:rsidTr="000C72F9">
        <w:tc>
          <w:tcPr>
            <w:tcW w:w="625" w:type="dxa"/>
          </w:tcPr>
          <w:p w14:paraId="6B251F45" w14:textId="45DF8901" w:rsidR="00ED68B8" w:rsidRPr="00ED68B8" w:rsidRDefault="001D1CF6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3</w:t>
            </w:r>
            <w:r w:rsidR="00ED68B8"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464" w:type="dxa"/>
          </w:tcPr>
          <w:p w14:paraId="0A2D8418" w14:textId="1C9C3D03" w:rsidR="00ED68B8" w:rsidRPr="00ED68B8" w:rsidRDefault="00800632" w:rsidP="00ED68B8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</w:t>
            </w:r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datar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Vlad Bogdan Vitcu,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esedint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rectoratulu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,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Hotara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una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Generale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xtraordina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ionaril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deplini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utur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rmalitatilor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ecesare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i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eia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toritati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ersonal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u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n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t</w:t>
            </w:r>
            <w:proofErr w:type="spellEnd"/>
            <w:r w:rsidRPr="00800632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1078" w:type="dxa"/>
          </w:tcPr>
          <w:p w14:paraId="0F314119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6F9B0E48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2A7FD4D2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772ACDD0" w14:textId="77777777" w:rsidR="00ED68B8" w:rsidRPr="00ED68B8" w:rsidRDefault="00ED68B8" w:rsidP="00ED68B8">
      <w:pPr>
        <w:numPr>
          <w:ilvl w:val="0"/>
          <w:numId w:val="1"/>
        </w:numPr>
        <w:spacing w:after="160" w:line="259" w:lineRule="auto"/>
        <w:contextualSpacing/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</w:pPr>
      <w:bookmarkStart w:id="1" w:name="_Hlk153890408"/>
      <w:bookmarkEnd w:id="0"/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No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: Se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bif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asu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orespunzatoar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otului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.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asutel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elelalt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nu se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or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omple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cu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nici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un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semn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.</w:t>
      </w:r>
    </w:p>
    <w:bookmarkEnd w:id="1"/>
    <w:p w14:paraId="4026A810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2A9D961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3BDA1FAF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28F55821" w14:textId="12B8D4BD" w:rsidR="00AF584B" w:rsidRPr="00AF584B" w:rsidRDefault="00ED68B8" w:rsidP="00ED68B8">
      <w:pPr>
        <w:spacing w:after="160" w:line="259" w:lineRule="auto"/>
      </w:pPr>
      <w:proofErr w:type="spellStart"/>
      <w:r w:rsidRPr="00ED68B8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ED68B8">
        <w:rPr>
          <w:rFonts w:ascii="Inter" w:eastAsia="Calibri" w:hAnsi="Inter" w:cs="Times New Roman"/>
          <w:color w:val="auto"/>
          <w:kern w:val="2"/>
          <w:szCs w:val="20"/>
          <w:lang w:val="en-US"/>
        </w:rPr>
        <w:t>: ________________________________</w:t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  <w:t>Data_______________</w:t>
      </w:r>
    </w:p>
    <w:sectPr w:rsidR="00AF584B" w:rsidRPr="00AF584B" w:rsidSect="008C5D85">
      <w:headerReference w:type="default" r:id="rId7"/>
      <w:footerReference w:type="default" r:id="rId8"/>
      <w:headerReference w:type="first" r:id="rId9"/>
      <w:footerReference w:type="first" r:id="rId10"/>
      <w:pgSz w:w="11906" w:h="16838"/>
      <w:pgMar w:top="2625" w:right="1230" w:bottom="1134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2C12DF4D" w14:textId="77777777" w:rsidR="00533337" w:rsidRDefault="00533337" w:rsidP="00D16B86">
      <w:pPr>
        <w:spacing w:line="240" w:lineRule="auto"/>
      </w:pPr>
      <w:r>
        <w:separator/>
      </w:r>
    </w:p>
  </w:endnote>
  <w:endnote w:type="continuationSeparator" w:id="0">
    <w:p w14:paraId="783758E2" w14:textId="77777777" w:rsidR="00533337" w:rsidRDefault="00533337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Inter">
    <w:altName w:val="Calibri"/>
    <w:panose1 w:val="00000000000000000000"/>
    <w:charset w:val="00"/>
    <w:family w:val="modern"/>
    <w:notTrueType/>
    <w:pitch w:val="variable"/>
    <w:sig w:usb0="E0000AFF" w:usb1="5200A1FF" w:usb2="00000021" w:usb3="00000000" w:csb0="0000019F" w:csb1="00000000"/>
  </w:font>
  <w:font w:name="Inter SemiBold">
    <w:altName w:val="Cambria"/>
    <w:charset w:val="00"/>
    <w:family w:val="auto"/>
    <w:pitch w:val="variable"/>
    <w:sig w:usb0="E00002FF" w:usb1="1200A1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568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7F895FE6" w14:textId="77777777" w:rsidR="00533337" w:rsidRDefault="00533337" w:rsidP="00D16B86">
      <w:pPr>
        <w:spacing w:line="240" w:lineRule="auto"/>
      </w:pPr>
      <w:r>
        <w:separator/>
      </w:r>
    </w:p>
  </w:footnote>
  <w:footnote w:type="continuationSeparator" w:id="0">
    <w:p w14:paraId="74840811" w14:textId="77777777" w:rsidR="00533337" w:rsidRDefault="00533337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4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proofErr w:type="spellStart"/>
    <w:r>
      <w:t>Pag</w:t>
    </w:r>
    <w:r w:rsidR="000F4962">
      <w:t>ina</w:t>
    </w:r>
    <w:proofErr w:type="spellEnd"/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fldSimple w:instr=" NUMPAGES   \* MERGEFORMAT ">
      <w:r>
        <w:rPr>
          <w:noProof/>
        </w:rPr>
        <w:t>2</w:t>
      </w:r>
    </w:fldSimple>
  </w:p>
  <w:p w14:paraId="07FF7419" w14:textId="77777777" w:rsidR="000F4962" w:rsidRPr="005A6184" w:rsidRDefault="000F4962" w:rsidP="005A61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proofErr w:type="spellStart"/>
          <w:r>
            <w:t>Societate</w:t>
          </w:r>
          <w:proofErr w:type="spellEnd"/>
          <w:r>
            <w:t xml:space="preserve"> </w:t>
          </w:r>
          <w:proofErr w:type="spellStart"/>
          <w:r>
            <w:t>administrată</w:t>
          </w:r>
          <w:proofErr w:type="spellEnd"/>
          <w:r>
            <w:t xml:space="preserve"> </w:t>
          </w:r>
          <w:proofErr w:type="spellStart"/>
          <w:r>
            <w:t>în</w:t>
          </w:r>
          <w:proofErr w:type="spellEnd"/>
          <w:r>
            <w:t xml:space="preserve"> </w:t>
          </w:r>
          <w:proofErr w:type="spellStart"/>
          <w:r>
            <w:t>sistem</w:t>
          </w:r>
          <w:proofErr w:type="spellEnd"/>
          <w:r>
            <w:t xml:space="preserve">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proofErr w:type="spellStart"/>
          <w:r>
            <w:rPr>
              <w:spacing w:val="-4"/>
            </w:rPr>
            <w:t>Soseaua</w:t>
          </w:r>
          <w:proofErr w:type="spellEnd"/>
          <w:r>
            <w:rPr>
              <w:spacing w:val="-4"/>
            </w:rPr>
            <w:t xml:space="preserve"> </w:t>
          </w:r>
          <w:proofErr w:type="spellStart"/>
          <w:r>
            <w:rPr>
              <w:spacing w:val="-4"/>
            </w:rPr>
            <w:t>Orhideelor</w:t>
          </w:r>
          <w:proofErr w:type="spellEnd"/>
          <w:r>
            <w:rPr>
              <w:spacing w:val="-4"/>
            </w:rPr>
            <w:t xml:space="preserve"> Nr. 15D,</w:t>
          </w:r>
          <w:r w:rsidR="00961CAA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>direa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Etajul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Camer</w:t>
          </w:r>
          <w:r>
            <w:rPr>
              <w:spacing w:val="-4"/>
            </w:rPr>
            <w:t>ele</w:t>
          </w:r>
          <w:proofErr w:type="spellEnd"/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proofErr w:type="gramStart"/>
          <w:r>
            <w:rPr>
              <w:spacing w:val="-4"/>
            </w:rPr>
            <w:t>3.L</w:t>
          </w:r>
          <w:proofErr w:type="gramEnd"/>
          <w:r>
            <w:rPr>
              <w:spacing w:val="-4"/>
            </w:rPr>
            <w:t>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Bucureşti</w:t>
          </w:r>
          <w:proofErr w:type="spellEnd"/>
          <w:r w:rsidR="00961CAA" w:rsidRPr="00CA0E17">
            <w:rPr>
              <w:spacing w:val="-4"/>
            </w:rPr>
            <w:t>, Cod po</w:t>
          </w:r>
          <w:r w:rsidR="00CA0E17" w:rsidRPr="00CA0E17">
            <w:rPr>
              <w:spacing w:val="-4"/>
              <w:lang w:val="ro-RO"/>
            </w:rPr>
            <w:t>ș</w:t>
          </w:r>
          <w:proofErr w:type="spellStart"/>
          <w:r w:rsidR="00961CAA" w:rsidRPr="00CA0E17">
            <w:rPr>
              <w:spacing w:val="-4"/>
            </w:rPr>
            <w:t>tal</w:t>
          </w:r>
          <w:proofErr w:type="spellEnd"/>
          <w:r w:rsidR="00961CAA" w:rsidRPr="00CA0E17">
            <w:rPr>
              <w:spacing w:val="-4"/>
            </w:rPr>
            <w:t xml:space="preserve">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5292BB54" w14:textId="77777777" w:rsidR="00800632" w:rsidRDefault="00800632" w:rsidP="00800632">
          <w:pPr>
            <w:pStyle w:val="Info"/>
          </w:pPr>
          <w:proofErr w:type="spellStart"/>
          <w:r>
            <w:t>Idenificator</w:t>
          </w:r>
          <w:proofErr w:type="spellEnd"/>
          <w:r>
            <w:t xml:space="preserve"> </w:t>
          </w:r>
          <w:proofErr w:type="spellStart"/>
          <w:r>
            <w:t>Unic</w:t>
          </w:r>
          <w:proofErr w:type="spellEnd"/>
          <w:r>
            <w:t xml:space="preserve"> la Nivel European (EUID) ROONRC.J2001003213400</w:t>
          </w:r>
        </w:p>
        <w:p w14:paraId="442F6E35" w14:textId="67E724FA" w:rsidR="001668C5" w:rsidRDefault="00800632" w:rsidP="00800632">
          <w:pPr>
            <w:pStyle w:val="Info"/>
          </w:pPr>
          <w:r>
            <w:t>Nr.</w:t>
          </w:r>
          <w:r w:rsidR="001668C5">
            <w:t xml:space="preserve"> </w:t>
          </w:r>
          <w:proofErr w:type="spellStart"/>
          <w:proofErr w:type="gramStart"/>
          <w:r>
            <w:t>înreg</w:t>
          </w:r>
          <w:proofErr w:type="spellEnd"/>
          <w:proofErr w:type="gramEnd"/>
          <w:r>
            <w:t>. Reg. Com.  J2001003213400</w:t>
          </w:r>
          <w:r w:rsidR="00AE64DE">
            <w:t>CIF</w:t>
          </w:r>
        </w:p>
        <w:p w14:paraId="51198A7E" w14:textId="4E20321D" w:rsidR="00AE64DE" w:rsidRDefault="00AE64DE" w:rsidP="00800632">
          <w:pPr>
            <w:pStyle w:val="Info"/>
          </w:pPr>
          <w:r>
            <w:t>CUI: RO13795308</w:t>
          </w:r>
        </w:p>
        <w:p w14:paraId="5BE2F06B" w14:textId="77777777" w:rsidR="00AE64DE" w:rsidRDefault="00AE64DE" w:rsidP="00AE64DE">
          <w:pPr>
            <w:pStyle w:val="Info"/>
          </w:pPr>
          <w:r>
            <w:t>Capital social: 63.382.475 LEI</w:t>
          </w:r>
        </w:p>
        <w:p w14:paraId="2C2E213F" w14:textId="77777777" w:rsidR="00AE64DE" w:rsidRDefault="00AE64DE" w:rsidP="00AE64DE">
          <w:pPr>
            <w:pStyle w:val="Info"/>
          </w:pPr>
          <w: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35C94F09" w14:textId="622DCD8C" w:rsidR="00CE0DED" w:rsidRDefault="00CE0DED" w:rsidP="0008580D">
          <w:pPr>
            <w:pStyle w:val="Info"/>
          </w:pPr>
        </w:p>
        <w:p w14:paraId="06E9E298" w14:textId="05917FDF" w:rsidR="00CE0DED" w:rsidRPr="005A6184" w:rsidRDefault="00CE0DED" w:rsidP="0008580D">
          <w:pPr>
            <w:pStyle w:val="Info"/>
          </w:pPr>
          <w:proofErr w:type="spellStart"/>
          <w:r w:rsidRPr="005A6184">
            <w:t>Pag</w:t>
          </w:r>
          <w:r w:rsidR="00AE64DE">
            <w:t>ina</w:t>
          </w:r>
          <w:proofErr w:type="spellEnd"/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fldSimple w:instr=" NUMPAGES   \* MERGEFORMAT ">
            <w:r w:rsidRPr="005A6184">
              <w:t>2</w:t>
            </w:r>
          </w:fldSimple>
        </w:p>
        <w:bookmarkStart w:id="2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19739D55" w:rsidR="00CE0DED" w:rsidRDefault="00A76CEC" w:rsidP="0008580D">
              <w:pPr>
                <w:pStyle w:val="Info"/>
              </w:pPr>
              <w:r>
                <w:t>public</w:t>
              </w:r>
            </w:p>
          </w:sdtContent>
        </w:sdt>
        <w:bookmarkEnd w:id="2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3255DBD"/>
    <w:multiLevelType w:val="hybridMultilevel"/>
    <w:tmpl w:val="E68AF494"/>
    <w:lvl w:ilvl="0" w:tplc="E36AF97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43E75D8"/>
    <w:multiLevelType w:val="hybridMultilevel"/>
    <w:tmpl w:val="D2242F80"/>
    <w:lvl w:ilvl="0" w:tplc="40545956">
      <w:start w:val="3"/>
      <w:numFmt w:val="bullet"/>
      <w:lvlText w:val=""/>
      <w:lvlJc w:val="left"/>
      <w:pPr>
        <w:ind w:left="720" w:hanging="360"/>
      </w:pPr>
      <w:rPr>
        <w:rFonts w:ascii="Symbol" w:eastAsia="Calibri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794063BF"/>
    <w:multiLevelType w:val="hybridMultilevel"/>
    <w:tmpl w:val="68364242"/>
    <w:lvl w:ilvl="0" w:tplc="5DF05B2E">
      <w:start w:val="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1963874687">
    <w:abstractNumId w:val="1"/>
  </w:num>
  <w:num w:numId="2" w16cid:durableId="2104524791">
    <w:abstractNumId w:val="0"/>
  </w:num>
  <w:num w:numId="3" w16cid:durableId="132096561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40C02"/>
    <w:rsid w:val="0008580D"/>
    <w:rsid w:val="000F4962"/>
    <w:rsid w:val="00102ED1"/>
    <w:rsid w:val="00160A15"/>
    <w:rsid w:val="001668C5"/>
    <w:rsid w:val="001D1CF6"/>
    <w:rsid w:val="0023631F"/>
    <w:rsid w:val="0024195E"/>
    <w:rsid w:val="00272F32"/>
    <w:rsid w:val="002B5C83"/>
    <w:rsid w:val="002D7A8B"/>
    <w:rsid w:val="002F5F7D"/>
    <w:rsid w:val="003035B6"/>
    <w:rsid w:val="00334E1A"/>
    <w:rsid w:val="00356AEB"/>
    <w:rsid w:val="003746DE"/>
    <w:rsid w:val="003E56E6"/>
    <w:rsid w:val="00405CC8"/>
    <w:rsid w:val="00445062"/>
    <w:rsid w:val="004A4381"/>
    <w:rsid w:val="004C21A9"/>
    <w:rsid w:val="004C3F77"/>
    <w:rsid w:val="00533337"/>
    <w:rsid w:val="005716DC"/>
    <w:rsid w:val="005A6184"/>
    <w:rsid w:val="00673C79"/>
    <w:rsid w:val="006C1BC3"/>
    <w:rsid w:val="0073038B"/>
    <w:rsid w:val="007A5CCF"/>
    <w:rsid w:val="007B3670"/>
    <w:rsid w:val="00800632"/>
    <w:rsid w:val="008357D1"/>
    <w:rsid w:val="00845E08"/>
    <w:rsid w:val="008C5D85"/>
    <w:rsid w:val="00934E23"/>
    <w:rsid w:val="009514F8"/>
    <w:rsid w:val="00961CAA"/>
    <w:rsid w:val="009A7F6A"/>
    <w:rsid w:val="00A258D6"/>
    <w:rsid w:val="00A76CEC"/>
    <w:rsid w:val="00AB7CE4"/>
    <w:rsid w:val="00AE64DE"/>
    <w:rsid w:val="00AF584B"/>
    <w:rsid w:val="00B813FF"/>
    <w:rsid w:val="00BB2D96"/>
    <w:rsid w:val="00BB3FB9"/>
    <w:rsid w:val="00C01390"/>
    <w:rsid w:val="00C5223E"/>
    <w:rsid w:val="00CA0E17"/>
    <w:rsid w:val="00CE0DED"/>
    <w:rsid w:val="00D16B86"/>
    <w:rsid w:val="00D3294F"/>
    <w:rsid w:val="00DA3EFD"/>
    <w:rsid w:val="00DE2269"/>
    <w:rsid w:val="00E5292C"/>
    <w:rsid w:val="00EA1F55"/>
    <w:rsid w:val="00ED68B8"/>
    <w:rsid w:val="00F233F5"/>
    <w:rsid w:val="00F6455B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  <w:style w:type="paragraph" w:styleId="ListParagraph">
    <w:name w:val="List Paragraph"/>
    <w:basedOn w:val="Normal"/>
    <w:uiPriority w:val="34"/>
    <w:qFormat/>
    <w:rsid w:val="001D1CF6"/>
    <w:pPr>
      <w:ind w:left="720"/>
      <w:contextualSpacing/>
    </w:pPr>
  </w:style>
  <w:style w:type="paragraph" w:styleId="Revision">
    <w:name w:val="Revision"/>
    <w:hidden/>
    <w:uiPriority w:val="99"/>
    <w:semiHidden/>
    <w:rsid w:val="00040C02"/>
    <w:pPr>
      <w:spacing w:after="0" w:line="240" w:lineRule="auto"/>
    </w:pPr>
    <w:rPr>
      <w:color w:val="202020" w:themeColor="text1"/>
      <w:sz w:val="20"/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3</TotalTime>
  <Pages>2</Pages>
  <Words>615</Words>
  <Characters>3508</Characters>
  <Application>Microsoft Office Word</Application>
  <DocSecurity>0</DocSecurity>
  <Lines>29</Lines>
  <Paragraphs>8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411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3</cp:revision>
  <cp:lastPrinted>2025-04-17T09:43:00Z</cp:lastPrinted>
  <dcterms:created xsi:type="dcterms:W3CDTF">2025-10-21T07:40:00Z</dcterms:created>
  <dcterms:modified xsi:type="dcterms:W3CDTF">2025-10-21T07:4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19:58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6c2c18f8-bd8a-4376-a498-a1da039a99e0</vt:lpwstr>
  </property>
  <property fmtid="{D5CDD505-2E9C-101B-9397-08002B2CF9AE}" pid="8" name="MSIP_Label_38939b85-7e40-4a1d-91e1-0e84c3b219d7_ContentBits">
    <vt:lpwstr>0</vt:lpwstr>
  </property>
  <property fmtid="{D5CDD505-2E9C-101B-9397-08002B2CF9AE}" pid="9" name="DocumentFN">
    <vt:lpwstr>C:\Users\danai\AppData\Local\Microsoft\Windows\INetCache\Content.Outlook\34GN36A1\Buletin de Vot deschis AGEA_06.05.2025 (002).docx</vt:lpwstr>
  </property>
  <property fmtid="{D5CDD505-2E9C-101B-9397-08002B2CF9AE}" pid="10" name="DocumentId">
    <vt:lpwstr>f105b9b8-083e-4a92-80f5-c4a6b6211e36</vt:lpwstr>
  </property>
</Properties>
</file>